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03_公益・宗教G（宗教）\04_広報・広聴\03_ホームページ\■名簿ホームページ\■R7年度（2025）\20260101現在の宗教法人数・名簿\HPup用 名簿Excel(R8.1.1)\"/>
    </mc:Choice>
  </mc:AlternateContent>
  <xr:revisionPtr revIDLastSave="0" documentId="8_{6784F88A-AA80-4325-B6F9-3F02E3CF6743}" xr6:coauthVersionLast="47" xr6:coauthVersionMax="47" xr10:uidLastSave="{00000000-0000-0000-0000-000000000000}"/>
  <bookViews>
    <workbookView xWindow="28680" yWindow="-4680" windowWidth="29040" windowHeight="15720" xr2:uid="{77BF635E-14F4-4AE2-8BB4-E430B01318C9}"/>
  </bookViews>
  <sheets>
    <sheet name="包括団体別宗教法人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2" uniqueCount="104">
  <si>
    <t>包括団体別 宗教法人数</t>
    <phoneticPr fontId="4"/>
  </si>
  <si>
    <t>神道系</t>
    <rPh sb="2" eb="3">
      <t>ケイ</t>
    </rPh>
    <phoneticPr fontId="4"/>
  </si>
  <si>
    <t>包括団体名</t>
    <rPh sb="0" eb="2">
      <t>ホウカツ</t>
    </rPh>
    <rPh sb="2" eb="4">
      <t>ダンタイ</t>
    </rPh>
    <rPh sb="4" eb="5">
      <t>メイ</t>
    </rPh>
    <phoneticPr fontId="4"/>
  </si>
  <si>
    <t>法人数</t>
    <rPh sb="0" eb="3">
      <t>ホウジンスウ</t>
    </rPh>
    <phoneticPr fontId="4"/>
  </si>
  <si>
    <t>計</t>
    <rPh sb="0" eb="1">
      <t>ケイ</t>
    </rPh>
    <phoneticPr fontId="4"/>
  </si>
  <si>
    <t>仏教系</t>
    <rPh sb="2" eb="3">
      <t>ケイ</t>
    </rPh>
    <phoneticPr fontId="4"/>
  </si>
  <si>
    <t>キリスト教系</t>
    <rPh sb="4" eb="5">
      <t>キョウ</t>
    </rPh>
    <rPh sb="5" eb="6">
      <t>ケイ</t>
    </rPh>
    <phoneticPr fontId="4"/>
  </si>
  <si>
    <t>諸教</t>
    <rPh sb="0" eb="1">
      <t>ショ</t>
    </rPh>
    <rPh sb="1" eb="2">
      <t>キョウ</t>
    </rPh>
    <phoneticPr fontId="4"/>
  </si>
  <si>
    <t>総計</t>
    <rPh sb="0" eb="2">
      <t>ソウケイ</t>
    </rPh>
    <phoneticPr fontId="4"/>
  </si>
  <si>
    <t>神社本庁</t>
  </si>
  <si>
    <t>神習教</t>
  </si>
  <si>
    <t>大山阿夫利神社本庁</t>
  </si>
  <si>
    <t>御嶽教</t>
  </si>
  <si>
    <t>神社神道系単立</t>
  </si>
  <si>
    <t>金光教</t>
  </si>
  <si>
    <t>神道大教</t>
  </si>
  <si>
    <t>天輪王明誠教団</t>
  </si>
  <si>
    <t>自然社</t>
  </si>
  <si>
    <t>心霊界教団</t>
  </si>
  <si>
    <t>神道修成派</t>
  </si>
  <si>
    <t>修養団捧誠会</t>
  </si>
  <si>
    <t>出雲大社教</t>
  </si>
  <si>
    <t>山蔭神道</t>
  </si>
  <si>
    <t>扶桑教</t>
  </si>
  <si>
    <t>教派神道系単立</t>
  </si>
  <si>
    <t>丸山教</t>
  </si>
  <si>
    <t>天台宗</t>
  </si>
  <si>
    <t>浄土真信宗浄光寺派</t>
  </si>
  <si>
    <t>天台寺門宗</t>
  </si>
  <si>
    <t>時宗</t>
  </si>
  <si>
    <t>天台真盛宗</t>
  </si>
  <si>
    <t>臨済宗妙心寺派</t>
  </si>
  <si>
    <t>本山修験宗</t>
  </si>
  <si>
    <t>臨済宗建長寺派</t>
  </si>
  <si>
    <t>金峯山修験本宗</t>
  </si>
  <si>
    <t>臨済宗円覚寺派</t>
  </si>
  <si>
    <t>高野山真言宗</t>
  </si>
  <si>
    <t>臨済宗南禅寺派</t>
  </si>
  <si>
    <t>真言宗醍醐派</t>
  </si>
  <si>
    <t>臨済宗大徳寺派</t>
  </si>
  <si>
    <t>真言宗東寺派</t>
  </si>
  <si>
    <t>曹洞宗</t>
  </si>
  <si>
    <t>東寺真言宗</t>
  </si>
  <si>
    <t>如来教</t>
  </si>
  <si>
    <t>真言宗泉涌寺派</t>
  </si>
  <si>
    <t>黄檗宗</t>
  </si>
  <si>
    <t>真言宗山階派</t>
  </si>
  <si>
    <t>日蓮宗</t>
  </si>
  <si>
    <t>真言宗御室派</t>
  </si>
  <si>
    <t>日蓮正宗</t>
  </si>
  <si>
    <t>真言宗大覚寺派</t>
  </si>
  <si>
    <t>法華宗(本門流)</t>
  </si>
  <si>
    <t>真言宗智山派</t>
  </si>
  <si>
    <t>法華宗(陣門流)</t>
  </si>
  <si>
    <t>真言宗豊山派</t>
  </si>
  <si>
    <t>法華眞宗</t>
  </si>
  <si>
    <t>新義真言宗</t>
  </si>
  <si>
    <t>大乗教</t>
  </si>
  <si>
    <t>真言三宝宗</t>
  </si>
  <si>
    <t>本門佛立宗</t>
  </si>
  <si>
    <t>真言宗大師派</t>
  </si>
  <si>
    <t>日本山妙法寺大僧伽</t>
  </si>
  <si>
    <t>浄土宗</t>
  </si>
  <si>
    <t>思親会</t>
  </si>
  <si>
    <t>浄土真宗本願寺派</t>
  </si>
  <si>
    <t>正信会</t>
  </si>
  <si>
    <t>真宗大谷派</t>
  </si>
  <si>
    <t>真言律宗</t>
  </si>
  <si>
    <t>真宗高田派</t>
  </si>
  <si>
    <t>華厳宗</t>
  </si>
  <si>
    <t>真宗佛光寺派</t>
  </si>
  <si>
    <t>仏教系単立</t>
  </si>
  <si>
    <t>真宗長生派</t>
  </si>
  <si>
    <t>日本ハリストス正教会教団</t>
  </si>
  <si>
    <t>日本アッセンブリーズ･オブ･ゴッド教団</t>
  </si>
  <si>
    <t>日本基督教団</t>
  </si>
  <si>
    <t>イエス之御霊教会教団</t>
  </si>
  <si>
    <t>日本福音ルーテル教会</t>
  </si>
  <si>
    <t>日本ナザレン教団</t>
  </si>
  <si>
    <t>日本ルーテル教団</t>
  </si>
  <si>
    <t>日本ホーリネス教団</t>
  </si>
  <si>
    <t>日本キリスト改革派教会</t>
  </si>
  <si>
    <t>基督兄弟団</t>
  </si>
  <si>
    <t>日本キリスト教会</t>
  </si>
  <si>
    <t>イムマヌエル綜合伝道団</t>
  </si>
  <si>
    <t>日本聖契キリスト教団</t>
  </si>
  <si>
    <t>日本イエス･キリスト教団</t>
  </si>
  <si>
    <t>在日大韓基督教会</t>
  </si>
  <si>
    <t>聖イエス会</t>
  </si>
  <si>
    <t>カンバーランド長老キリスト教会日本中会</t>
  </si>
  <si>
    <t>基督聖協団</t>
  </si>
  <si>
    <t>日本バプテスト連盟</t>
  </si>
  <si>
    <t>日本オープンバイブル教団</t>
  </si>
  <si>
    <t>日本バプテスト同盟</t>
  </si>
  <si>
    <t>日本長老教会</t>
  </si>
  <si>
    <t>ｾﾞ･ｴﾊﾞﾝｾﾞﾘｶﾙ･ｱﾗｲｱﾝｽ･ﾐｯｼｮﾝ(日本同盟基督教団)</t>
  </si>
  <si>
    <t>シオン･キリスト教団</t>
  </si>
  <si>
    <t>キリスト教系単立</t>
  </si>
  <si>
    <t>天理教</t>
  </si>
  <si>
    <t>泰山教団</t>
  </si>
  <si>
    <t>生長の家</t>
  </si>
  <si>
    <t>諸教単立</t>
  </si>
  <si>
    <t>真生会</t>
  </si>
  <si>
    <t>普明会教団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9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hair">
        <color indexed="8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/>
      <top/>
      <bottom style="hair">
        <color indexed="8"/>
      </bottom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7" fillId="0" borderId="0">
      <alignment vertical="center"/>
    </xf>
  </cellStyleXfs>
  <cellXfs count="59">
    <xf numFmtId="0" fontId="0" fillId="0" borderId="0" xfId="0">
      <alignment vertical="center"/>
    </xf>
    <xf numFmtId="38" fontId="2" fillId="0" borderId="0" xfId="1" applyFont="1" applyFill="1" applyAlignment="1">
      <alignment vertical="center"/>
    </xf>
    <xf numFmtId="176" fontId="5" fillId="0" borderId="0" xfId="1" applyNumberFormat="1" applyFont="1" applyFill="1" applyAlignment="1"/>
    <xf numFmtId="38" fontId="5" fillId="0" borderId="0" xfId="1" applyFont="1" applyFill="1" applyAlignment="1">
      <alignment vertical="center"/>
    </xf>
    <xf numFmtId="176" fontId="5" fillId="0" borderId="0" xfId="1" applyNumberFormat="1" applyFont="1" applyFill="1" applyAlignment="1">
      <alignment vertical="center"/>
    </xf>
    <xf numFmtId="38" fontId="5" fillId="0" borderId="0" xfId="1" applyFont="1" applyFill="1"/>
    <xf numFmtId="38" fontId="6" fillId="0" borderId="0" xfId="1" applyFont="1" applyFill="1" applyAlignment="1">
      <alignment vertical="center"/>
    </xf>
    <xf numFmtId="0" fontId="8" fillId="0" borderId="0" xfId="2" applyFont="1">
      <alignment vertical="center"/>
    </xf>
    <xf numFmtId="0" fontId="8" fillId="0" borderId="0" xfId="2" applyFont="1" applyAlignment="1"/>
    <xf numFmtId="0" fontId="7" fillId="0" borderId="0" xfId="2">
      <alignment vertical="center"/>
    </xf>
    <xf numFmtId="0" fontId="6" fillId="0" borderId="2" xfId="2" applyFont="1" applyBorder="1" applyAlignment="1">
      <alignment horizontal="center" vertical="center"/>
    </xf>
    <xf numFmtId="176" fontId="6" fillId="0" borderId="2" xfId="2" applyNumberFormat="1" applyFont="1" applyBorder="1" applyAlignment="1">
      <alignment horizontal="center"/>
    </xf>
    <xf numFmtId="176" fontId="6" fillId="0" borderId="2" xfId="2" applyNumberFormat="1" applyFont="1" applyBorder="1" applyAlignment="1">
      <alignment horizontal="center" vertical="center"/>
    </xf>
    <xf numFmtId="0" fontId="6" fillId="0" borderId="3" xfId="2" applyFont="1" applyBorder="1">
      <alignment vertical="center"/>
    </xf>
    <xf numFmtId="176" fontId="6" fillId="0" borderId="3" xfId="2" applyNumberFormat="1" applyFont="1" applyBorder="1" applyAlignment="1"/>
    <xf numFmtId="176" fontId="6" fillId="0" borderId="3" xfId="2" applyNumberFormat="1" applyFont="1" applyBorder="1">
      <alignment vertical="center"/>
    </xf>
    <xf numFmtId="0" fontId="6" fillId="0" borderId="4" xfId="2" applyFont="1" applyBorder="1">
      <alignment vertical="center"/>
    </xf>
    <xf numFmtId="176" fontId="6" fillId="0" borderId="4" xfId="2" applyNumberFormat="1" applyFont="1" applyBorder="1" applyAlignment="1"/>
    <xf numFmtId="0" fontId="6" fillId="0" borderId="5" xfId="2" applyFont="1" applyBorder="1">
      <alignment vertical="center"/>
    </xf>
    <xf numFmtId="176" fontId="6" fillId="0" borderId="5" xfId="2" applyNumberFormat="1" applyFont="1" applyBorder="1">
      <alignment vertical="center"/>
    </xf>
    <xf numFmtId="176" fontId="6" fillId="0" borderId="4" xfId="2" applyNumberFormat="1" applyFont="1" applyBorder="1">
      <alignment vertical="center"/>
    </xf>
    <xf numFmtId="0" fontId="6" fillId="0" borderId="6" xfId="2" applyFont="1" applyBorder="1">
      <alignment vertical="center"/>
    </xf>
    <xf numFmtId="0" fontId="6" fillId="0" borderId="7" xfId="2" applyFont="1" applyBorder="1">
      <alignment vertical="center"/>
    </xf>
    <xf numFmtId="176" fontId="6" fillId="0" borderId="7" xfId="2" applyNumberFormat="1" applyFont="1" applyBorder="1" applyAlignment="1"/>
    <xf numFmtId="0" fontId="6" fillId="0" borderId="8" xfId="2" applyFont="1" applyBorder="1">
      <alignment vertical="center"/>
    </xf>
    <xf numFmtId="176" fontId="6" fillId="0" borderId="8" xfId="2" applyNumberFormat="1" applyFont="1" applyBorder="1">
      <alignment vertical="center"/>
    </xf>
    <xf numFmtId="0" fontId="6" fillId="0" borderId="9" xfId="2" applyFont="1" applyBorder="1" applyAlignment="1">
      <alignment horizontal="left" vertical="center"/>
    </xf>
    <xf numFmtId="176" fontId="6" fillId="0" borderId="9" xfId="2" applyNumberFormat="1" applyFont="1" applyBorder="1">
      <alignment vertical="center"/>
    </xf>
    <xf numFmtId="0" fontId="6" fillId="0" borderId="11" xfId="2" applyFont="1" applyBorder="1" applyAlignment="1">
      <alignment horizontal="center" vertical="center"/>
    </xf>
    <xf numFmtId="176" fontId="6" fillId="0" borderId="11" xfId="2" applyNumberFormat="1" applyFont="1" applyBorder="1" applyAlignment="1">
      <alignment horizontal="center"/>
    </xf>
    <xf numFmtId="176" fontId="6" fillId="0" borderId="11" xfId="2" applyNumberFormat="1" applyFont="1" applyBorder="1" applyAlignment="1">
      <alignment horizontal="center" vertical="center"/>
    </xf>
    <xf numFmtId="176" fontId="6" fillId="0" borderId="5" xfId="2" applyNumberFormat="1" applyFont="1" applyBorder="1" applyAlignment="1"/>
    <xf numFmtId="0" fontId="6" fillId="0" borderId="12" xfId="2" applyFont="1" applyBorder="1">
      <alignment vertical="center"/>
    </xf>
    <xf numFmtId="0" fontId="6" fillId="0" borderId="13" xfId="2" applyFont="1" applyBorder="1">
      <alignment vertical="center"/>
    </xf>
    <xf numFmtId="0" fontId="6" fillId="0" borderId="14" xfId="2" applyFont="1" applyBorder="1" applyAlignment="1"/>
    <xf numFmtId="0" fontId="6" fillId="0" borderId="9" xfId="2" applyFont="1" applyBorder="1">
      <alignment vertical="center"/>
    </xf>
    <xf numFmtId="0" fontId="6" fillId="0" borderId="15" xfId="2" applyFont="1" applyBorder="1">
      <alignment vertical="center"/>
    </xf>
    <xf numFmtId="0" fontId="6" fillId="0" borderId="6" xfId="2" applyFont="1" applyBorder="1" applyAlignment="1">
      <alignment horizontal="left" vertical="center" wrapText="1"/>
    </xf>
    <xf numFmtId="176" fontId="6" fillId="0" borderId="8" xfId="2" applyNumberFormat="1" applyFont="1" applyBorder="1" applyAlignment="1"/>
    <xf numFmtId="176" fontId="6" fillId="0" borderId="11" xfId="2" applyNumberFormat="1" applyFont="1" applyBorder="1" applyAlignment="1"/>
    <xf numFmtId="176" fontId="7" fillId="0" borderId="0" xfId="2" applyNumberFormat="1" applyAlignment="1"/>
    <xf numFmtId="0" fontId="6" fillId="0" borderId="2" xfId="2" applyFont="1" applyBorder="1">
      <alignment vertical="center"/>
    </xf>
    <xf numFmtId="176" fontId="6" fillId="0" borderId="2" xfId="2" applyNumberFormat="1" applyFont="1" applyBorder="1">
      <alignment vertical="center"/>
    </xf>
    <xf numFmtId="176" fontId="7" fillId="0" borderId="0" xfId="2" applyNumberFormat="1">
      <alignment vertical="center"/>
    </xf>
    <xf numFmtId="0" fontId="6" fillId="0" borderId="16" xfId="2" applyFont="1" applyBorder="1">
      <alignment vertical="center"/>
    </xf>
    <xf numFmtId="0" fontId="6" fillId="0" borderId="17" xfId="2" applyFont="1" applyBorder="1" applyAlignment="1"/>
    <xf numFmtId="176" fontId="6" fillId="0" borderId="18" xfId="2" applyNumberFormat="1" applyFont="1" applyBorder="1">
      <alignment vertical="center"/>
    </xf>
    <xf numFmtId="0" fontId="6" fillId="0" borderId="0" xfId="2" applyFont="1">
      <alignment vertical="center"/>
    </xf>
    <xf numFmtId="176" fontId="7" fillId="0" borderId="19" xfId="2" applyNumberFormat="1" applyBorder="1" applyAlignment="1"/>
    <xf numFmtId="0" fontId="6" fillId="0" borderId="20" xfId="2" applyFont="1" applyBorder="1" applyAlignment="1">
      <alignment horizontal="left" vertical="center"/>
    </xf>
    <xf numFmtId="176" fontId="7" fillId="0" borderId="0" xfId="2" applyNumberFormat="1" applyAlignment="1">
      <alignment horizontal="center" vertical="center"/>
    </xf>
    <xf numFmtId="0" fontId="7" fillId="0" borderId="0" xfId="2" applyAlignment="1">
      <alignment horizontal="center" vertical="center"/>
    </xf>
    <xf numFmtId="0" fontId="7" fillId="0" borderId="10" xfId="2" applyBorder="1" applyAlignment="1">
      <alignment horizontal="center" vertical="center"/>
    </xf>
    <xf numFmtId="0" fontId="7" fillId="0" borderId="1" xfId="2" applyBorder="1" applyAlignment="1">
      <alignment horizontal="center" vertical="center"/>
    </xf>
    <xf numFmtId="0" fontId="7" fillId="0" borderId="1" xfId="2" applyBorder="1">
      <alignment vertical="center"/>
    </xf>
    <xf numFmtId="0" fontId="7" fillId="0" borderId="10" xfId="2" applyBorder="1">
      <alignment vertical="center"/>
    </xf>
    <xf numFmtId="0" fontId="6" fillId="0" borderId="8" xfId="2" applyFont="1" applyBorder="1" applyAlignment="1">
      <alignment horizontal="left" vertical="center" wrapText="1"/>
    </xf>
    <xf numFmtId="0" fontId="6" fillId="0" borderId="11" xfId="2" applyFont="1" applyBorder="1" applyAlignment="1">
      <alignment horizontal="left" vertical="center" wrapText="1"/>
    </xf>
    <xf numFmtId="0" fontId="0" fillId="0" borderId="1" xfId="2" applyFont="1" applyBorder="1" applyAlignment="1">
      <alignment horizontal="center" vertical="center"/>
    </xf>
  </cellXfs>
  <cellStyles count="3">
    <cellStyle name="桁区切り 2" xfId="1" xr:uid="{5B9D888D-5B63-4E06-B3EA-860FE916353D}"/>
    <cellStyle name="標準" xfId="0" builtinId="0"/>
    <cellStyle name="標準_７包括団体別宗教法人数" xfId="2" xr:uid="{CC4E6FB8-28C3-4B12-8DAF-1C4CBB5C8E4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CD65D2-E89E-4518-9ADE-48B9B129C589}">
  <sheetPr>
    <tabColor theme="8" tint="-0.249977111117893"/>
  </sheetPr>
  <dimension ref="A1:CE74"/>
  <sheetViews>
    <sheetView tabSelected="1" zoomScaleNormal="100" zoomScaleSheetLayoutView="100" workbookViewId="0"/>
  </sheetViews>
  <sheetFormatPr defaultColWidth="9" defaultRowHeight="14.4" x14ac:dyDescent="0.2"/>
  <cols>
    <col min="1" max="1" width="36" style="9" customWidth="1"/>
    <col min="2" max="2" width="7" style="40" customWidth="1"/>
    <col min="3" max="3" width="34" style="9" customWidth="1"/>
    <col min="4" max="4" width="7" style="43" customWidth="1"/>
    <col min="5" max="16384" width="9" style="9"/>
  </cols>
  <sheetData>
    <row r="1" spans="1:83" s="6" customFormat="1" ht="23.25" customHeight="1" x14ac:dyDescent="0.15">
      <c r="A1" s="1" t="s">
        <v>0</v>
      </c>
      <c r="B1" s="2"/>
      <c r="C1" s="3"/>
      <c r="D1" s="4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5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</row>
    <row r="2" spans="1:83" s="7" customFormat="1" ht="15" customHeight="1" x14ac:dyDescent="0.15">
      <c r="B2" s="8"/>
    </row>
    <row r="3" spans="1:83" ht="23.25" customHeight="1" x14ac:dyDescent="0.2">
      <c r="A3" s="53" t="s">
        <v>1</v>
      </c>
      <c r="B3" s="54"/>
      <c r="C3" s="54"/>
      <c r="D3" s="54"/>
    </row>
    <row r="4" spans="1:83" s="7" customFormat="1" ht="18" customHeight="1" x14ac:dyDescent="0.2">
      <c r="A4" s="10" t="s">
        <v>2</v>
      </c>
      <c r="B4" s="11" t="s">
        <v>3</v>
      </c>
      <c r="C4" s="10" t="s">
        <v>2</v>
      </c>
      <c r="D4" s="12" t="s">
        <v>3</v>
      </c>
    </row>
    <row r="5" spans="1:83" s="7" customFormat="1" ht="18" customHeight="1" x14ac:dyDescent="0.2">
      <c r="A5" s="13" t="s">
        <v>9</v>
      </c>
      <c r="B5" s="14">
        <v>1112</v>
      </c>
      <c r="C5" s="13" t="s">
        <v>10</v>
      </c>
      <c r="D5" s="15">
        <v>7</v>
      </c>
    </row>
    <row r="6" spans="1:83" s="7" customFormat="1" ht="18" customHeight="1" x14ac:dyDescent="0.2">
      <c r="A6" s="16" t="s">
        <v>11</v>
      </c>
      <c r="B6" s="17">
        <v>50</v>
      </c>
      <c r="C6" s="18" t="s">
        <v>12</v>
      </c>
      <c r="D6" s="19">
        <v>3</v>
      </c>
    </row>
    <row r="7" spans="1:83" s="7" customFormat="1" ht="18" customHeight="1" x14ac:dyDescent="0.2">
      <c r="A7" s="16" t="s">
        <v>13</v>
      </c>
      <c r="B7" s="17">
        <v>18</v>
      </c>
      <c r="C7" s="16" t="s">
        <v>14</v>
      </c>
      <c r="D7" s="20">
        <v>13</v>
      </c>
    </row>
    <row r="8" spans="1:83" s="7" customFormat="1" ht="18" customHeight="1" x14ac:dyDescent="0.2">
      <c r="A8" s="16" t="s">
        <v>15</v>
      </c>
      <c r="B8" s="17">
        <v>6</v>
      </c>
      <c r="C8" s="16" t="s">
        <v>16</v>
      </c>
      <c r="D8" s="20">
        <v>1</v>
      </c>
    </row>
    <row r="9" spans="1:83" s="7" customFormat="1" ht="18" customHeight="1" x14ac:dyDescent="0.2">
      <c r="A9" s="16" t="s">
        <v>17</v>
      </c>
      <c r="B9" s="17">
        <v>2</v>
      </c>
      <c r="C9" s="16" t="s">
        <v>18</v>
      </c>
      <c r="D9" s="20">
        <v>1</v>
      </c>
    </row>
    <row r="10" spans="1:83" s="7" customFormat="1" ht="18" customHeight="1" x14ac:dyDescent="0.2">
      <c r="A10" s="16" t="s">
        <v>19</v>
      </c>
      <c r="B10" s="17">
        <v>1</v>
      </c>
      <c r="C10" s="21" t="s">
        <v>20</v>
      </c>
      <c r="D10" s="20">
        <v>1</v>
      </c>
    </row>
    <row r="11" spans="1:83" s="7" customFormat="1" ht="18" customHeight="1" x14ac:dyDescent="0.2">
      <c r="A11" s="16" t="s">
        <v>21</v>
      </c>
      <c r="B11" s="17">
        <v>2</v>
      </c>
      <c r="C11" s="16" t="s">
        <v>22</v>
      </c>
      <c r="D11" s="20">
        <v>1</v>
      </c>
    </row>
    <row r="12" spans="1:83" s="7" customFormat="1" ht="18" customHeight="1" x14ac:dyDescent="0.2">
      <c r="A12" s="16" t="s">
        <v>23</v>
      </c>
      <c r="B12" s="17">
        <v>3</v>
      </c>
      <c r="C12" s="16" t="s">
        <v>24</v>
      </c>
      <c r="D12" s="20">
        <v>6</v>
      </c>
    </row>
    <row r="13" spans="1:83" s="7" customFormat="1" ht="18" customHeight="1" x14ac:dyDescent="0.2">
      <c r="A13" s="22" t="s">
        <v>25</v>
      </c>
      <c r="B13" s="23">
        <v>3</v>
      </c>
      <c r="C13" s="24"/>
      <c r="D13" s="25"/>
    </row>
    <row r="14" spans="1:83" s="7" customFormat="1" ht="16.5" customHeight="1" x14ac:dyDescent="0.15">
      <c r="B14" s="8"/>
      <c r="C14" s="26" t="s">
        <v>4</v>
      </c>
      <c r="D14" s="27">
        <v>1230</v>
      </c>
    </row>
    <row r="15" spans="1:83" s="7" customFormat="1" ht="16.5" customHeight="1" x14ac:dyDescent="0.15">
      <c r="B15" s="8"/>
    </row>
    <row r="16" spans="1:83" s="7" customFormat="1" ht="23.55" customHeight="1" x14ac:dyDescent="0.2">
      <c r="A16" s="52" t="s">
        <v>5</v>
      </c>
      <c r="B16" s="55"/>
      <c r="C16" s="55"/>
      <c r="D16" s="55"/>
    </row>
    <row r="17" spans="1:4" s="7" customFormat="1" ht="18" customHeight="1" x14ac:dyDescent="0.2">
      <c r="A17" s="28" t="s">
        <v>2</v>
      </c>
      <c r="B17" s="29" t="s">
        <v>3</v>
      </c>
      <c r="C17" s="28" t="s">
        <v>2</v>
      </c>
      <c r="D17" s="30" t="s">
        <v>3</v>
      </c>
    </row>
    <row r="18" spans="1:4" s="7" customFormat="1" ht="18" customHeight="1" x14ac:dyDescent="0.2">
      <c r="A18" s="13" t="s">
        <v>26</v>
      </c>
      <c r="B18" s="17">
        <v>94</v>
      </c>
      <c r="C18" s="16" t="s">
        <v>27</v>
      </c>
      <c r="D18" s="20">
        <v>1</v>
      </c>
    </row>
    <row r="19" spans="1:4" s="7" customFormat="1" ht="18" customHeight="1" x14ac:dyDescent="0.2">
      <c r="A19" s="16" t="s">
        <v>28</v>
      </c>
      <c r="B19" s="17">
        <v>2</v>
      </c>
      <c r="C19" s="16" t="s">
        <v>29</v>
      </c>
      <c r="D19" s="20">
        <v>26</v>
      </c>
    </row>
    <row r="20" spans="1:4" s="7" customFormat="1" ht="18" customHeight="1" x14ac:dyDescent="0.2">
      <c r="A20" s="16" t="s">
        <v>30</v>
      </c>
      <c r="B20" s="17">
        <v>1</v>
      </c>
      <c r="C20" s="16" t="s">
        <v>31</v>
      </c>
      <c r="D20" s="20">
        <v>5</v>
      </c>
    </row>
    <row r="21" spans="1:4" s="7" customFormat="1" ht="18" customHeight="1" x14ac:dyDescent="0.2">
      <c r="A21" s="16" t="s">
        <v>32</v>
      </c>
      <c r="B21" s="17">
        <v>1</v>
      </c>
      <c r="C21" s="16" t="s">
        <v>33</v>
      </c>
      <c r="D21" s="20">
        <v>123</v>
      </c>
    </row>
    <row r="22" spans="1:4" s="7" customFormat="1" ht="18" customHeight="1" x14ac:dyDescent="0.2">
      <c r="A22" s="16" t="s">
        <v>34</v>
      </c>
      <c r="B22" s="17">
        <v>2</v>
      </c>
      <c r="C22" s="16" t="s">
        <v>35</v>
      </c>
      <c r="D22" s="20">
        <v>63</v>
      </c>
    </row>
    <row r="23" spans="1:4" s="7" customFormat="1" ht="18" customHeight="1" x14ac:dyDescent="0.2">
      <c r="A23" s="16" t="s">
        <v>36</v>
      </c>
      <c r="B23" s="17">
        <v>187</v>
      </c>
      <c r="C23" s="16" t="s">
        <v>37</v>
      </c>
      <c r="D23" s="20">
        <v>3</v>
      </c>
    </row>
    <row r="24" spans="1:4" s="7" customFormat="1" ht="18" customHeight="1" x14ac:dyDescent="0.2">
      <c r="A24" s="16" t="s">
        <v>38</v>
      </c>
      <c r="B24" s="17">
        <v>4</v>
      </c>
      <c r="C24" s="24" t="s">
        <v>39</v>
      </c>
      <c r="D24" s="25">
        <v>9</v>
      </c>
    </row>
    <row r="25" spans="1:4" s="7" customFormat="1" ht="18" customHeight="1" x14ac:dyDescent="0.2">
      <c r="A25" s="16" t="s">
        <v>40</v>
      </c>
      <c r="B25" s="17">
        <v>25</v>
      </c>
      <c r="C25" s="21" t="s">
        <v>41</v>
      </c>
      <c r="D25" s="20">
        <v>384</v>
      </c>
    </row>
    <row r="26" spans="1:4" s="7" customFormat="1" ht="18" customHeight="1" x14ac:dyDescent="0.2">
      <c r="A26" s="16" t="s">
        <v>42</v>
      </c>
      <c r="B26" s="17">
        <v>38</v>
      </c>
      <c r="C26" s="21" t="s">
        <v>43</v>
      </c>
      <c r="D26" s="20">
        <v>1</v>
      </c>
    </row>
    <row r="27" spans="1:4" s="7" customFormat="1" ht="18" customHeight="1" x14ac:dyDescent="0.2">
      <c r="A27" s="16" t="s">
        <v>44</v>
      </c>
      <c r="B27" s="17">
        <v>3</v>
      </c>
      <c r="C27" s="21" t="s">
        <v>45</v>
      </c>
      <c r="D27" s="20">
        <v>5</v>
      </c>
    </row>
    <row r="28" spans="1:4" s="7" customFormat="1" ht="18" customHeight="1" x14ac:dyDescent="0.2">
      <c r="A28" s="16" t="s">
        <v>46</v>
      </c>
      <c r="B28" s="17">
        <v>2</v>
      </c>
      <c r="C28" s="21" t="s">
        <v>47</v>
      </c>
      <c r="D28" s="20">
        <v>283</v>
      </c>
    </row>
    <row r="29" spans="1:4" s="7" customFormat="1" ht="18" customHeight="1" x14ac:dyDescent="0.2">
      <c r="A29" s="16" t="s">
        <v>48</v>
      </c>
      <c r="B29" s="17">
        <v>13</v>
      </c>
      <c r="C29" s="21" t="s">
        <v>49</v>
      </c>
      <c r="D29" s="20">
        <v>16</v>
      </c>
    </row>
    <row r="30" spans="1:4" s="7" customFormat="1" ht="18" customHeight="1" x14ac:dyDescent="0.2">
      <c r="A30" s="16" t="s">
        <v>50</v>
      </c>
      <c r="B30" s="17">
        <v>25</v>
      </c>
      <c r="C30" s="21" t="s">
        <v>51</v>
      </c>
      <c r="D30" s="20">
        <v>15</v>
      </c>
    </row>
    <row r="31" spans="1:4" s="7" customFormat="1" ht="18" customHeight="1" x14ac:dyDescent="0.2">
      <c r="A31" s="16" t="s">
        <v>52</v>
      </c>
      <c r="B31" s="17">
        <v>42</v>
      </c>
      <c r="C31" s="21" t="s">
        <v>53</v>
      </c>
      <c r="D31" s="20">
        <v>3</v>
      </c>
    </row>
    <row r="32" spans="1:4" s="7" customFormat="1" ht="18" customHeight="1" x14ac:dyDescent="0.2">
      <c r="A32" s="16" t="s">
        <v>54</v>
      </c>
      <c r="B32" s="17">
        <v>21</v>
      </c>
      <c r="C32" s="21" t="s">
        <v>55</v>
      </c>
      <c r="D32" s="20">
        <v>2</v>
      </c>
    </row>
    <row r="33" spans="1:83" s="7" customFormat="1" ht="18" customHeight="1" x14ac:dyDescent="0.2">
      <c r="A33" s="16" t="s">
        <v>56</v>
      </c>
      <c r="B33" s="17">
        <v>1</v>
      </c>
      <c r="C33" s="21" t="s">
        <v>57</v>
      </c>
      <c r="D33" s="20">
        <v>2</v>
      </c>
    </row>
    <row r="34" spans="1:83" s="7" customFormat="1" ht="18" customHeight="1" x14ac:dyDescent="0.2">
      <c r="A34" s="16" t="s">
        <v>58</v>
      </c>
      <c r="B34" s="17">
        <v>1</v>
      </c>
      <c r="C34" s="21" t="s">
        <v>59</v>
      </c>
      <c r="D34" s="20">
        <v>14</v>
      </c>
    </row>
    <row r="35" spans="1:83" s="7" customFormat="1" ht="18" customHeight="1" x14ac:dyDescent="0.2">
      <c r="A35" s="16" t="s">
        <v>60</v>
      </c>
      <c r="B35" s="17">
        <v>4</v>
      </c>
      <c r="C35" s="21" t="s">
        <v>61</v>
      </c>
      <c r="D35" s="20">
        <v>6</v>
      </c>
    </row>
    <row r="36" spans="1:83" s="7" customFormat="1" ht="18" customHeight="1" x14ac:dyDescent="0.2">
      <c r="A36" s="16" t="s">
        <v>62</v>
      </c>
      <c r="B36" s="17">
        <v>263</v>
      </c>
      <c r="C36" s="21" t="s">
        <v>63</v>
      </c>
      <c r="D36" s="20">
        <v>1</v>
      </c>
    </row>
    <row r="37" spans="1:83" s="7" customFormat="1" ht="18" customHeight="1" x14ac:dyDescent="0.2">
      <c r="A37" s="16" t="s">
        <v>64</v>
      </c>
      <c r="B37" s="17">
        <v>76</v>
      </c>
      <c r="C37" s="21" t="s">
        <v>65</v>
      </c>
      <c r="D37" s="20">
        <v>2</v>
      </c>
    </row>
    <row r="38" spans="1:83" s="7" customFormat="1" ht="18" customHeight="1" x14ac:dyDescent="0.2">
      <c r="A38" s="16" t="s">
        <v>66</v>
      </c>
      <c r="B38" s="17">
        <v>57</v>
      </c>
      <c r="C38" s="21" t="s">
        <v>67</v>
      </c>
      <c r="D38" s="20">
        <v>4</v>
      </c>
    </row>
    <row r="39" spans="1:83" s="7" customFormat="1" ht="18" customHeight="1" x14ac:dyDescent="0.2">
      <c r="A39" s="16" t="s">
        <v>68</v>
      </c>
      <c r="B39" s="17">
        <v>6</v>
      </c>
      <c r="C39" s="21" t="s">
        <v>69</v>
      </c>
      <c r="D39" s="20">
        <v>1</v>
      </c>
    </row>
    <row r="40" spans="1:83" s="7" customFormat="1" ht="18" customHeight="1" x14ac:dyDescent="0.2">
      <c r="A40" s="16" t="s">
        <v>70</v>
      </c>
      <c r="B40" s="17">
        <v>2</v>
      </c>
      <c r="C40" s="21" t="s">
        <v>71</v>
      </c>
      <c r="D40" s="20">
        <v>80</v>
      </c>
    </row>
    <row r="41" spans="1:83" s="7" customFormat="1" ht="18" customHeight="1" x14ac:dyDescent="0.2">
      <c r="A41" s="18" t="s">
        <v>72</v>
      </c>
      <c r="B41" s="31">
        <v>1</v>
      </c>
      <c r="C41" s="32"/>
      <c r="D41" s="25"/>
    </row>
    <row r="42" spans="1:83" s="7" customFormat="1" ht="18" customHeight="1" x14ac:dyDescent="0.2">
      <c r="A42" s="33"/>
      <c r="B42" s="34"/>
      <c r="C42" s="35" t="s">
        <v>4</v>
      </c>
      <c r="D42" s="27">
        <v>1920</v>
      </c>
    </row>
    <row r="43" spans="1:83" s="7" customFormat="1" ht="16.5" customHeight="1" x14ac:dyDescent="0.15">
      <c r="B43" s="8"/>
    </row>
    <row r="44" spans="1:83" s="6" customFormat="1" ht="23.25" customHeight="1" x14ac:dyDescent="0.15">
      <c r="A44" s="1"/>
      <c r="B44" s="2"/>
      <c r="C44" s="3"/>
      <c r="D44" s="4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5"/>
      <c r="AE44" s="5"/>
      <c r="AF44" s="5"/>
      <c r="AG44" s="5"/>
      <c r="AH44" s="5"/>
      <c r="AI44" s="5"/>
      <c r="AJ44" s="5"/>
      <c r="AK44" s="5"/>
      <c r="AL44" s="5"/>
      <c r="AM44" s="5"/>
      <c r="AN44" s="5"/>
      <c r="AO44" s="5"/>
      <c r="AP44" s="5"/>
      <c r="AQ44" s="5"/>
      <c r="AR44" s="5"/>
      <c r="AS44" s="5"/>
      <c r="AT44" s="5"/>
      <c r="AU44" s="5"/>
      <c r="AV44" s="5"/>
      <c r="AW44" s="5"/>
      <c r="AX44" s="5"/>
      <c r="AY44" s="5"/>
      <c r="AZ44" s="5"/>
      <c r="BA44" s="5"/>
      <c r="BB44" s="5"/>
      <c r="BC44" s="5"/>
      <c r="BD44" s="5"/>
      <c r="BE44" s="5"/>
      <c r="BF44" s="5"/>
      <c r="BG44" s="5"/>
      <c r="BH44" s="5"/>
      <c r="BI44" s="5"/>
      <c r="BJ44" s="5"/>
      <c r="BK44" s="5"/>
      <c r="BL44" s="5"/>
      <c r="BM44" s="5"/>
      <c r="BN44" s="5"/>
      <c r="BO44" s="5"/>
      <c r="BP44" s="5"/>
      <c r="BQ44" s="5"/>
      <c r="BR44" s="5"/>
      <c r="BS44" s="5"/>
      <c r="BT44" s="5"/>
      <c r="BU44" s="5"/>
      <c r="BV44" s="5"/>
      <c r="BW44" s="5"/>
      <c r="BX44" s="5"/>
      <c r="BY44" s="5"/>
      <c r="BZ44" s="5"/>
      <c r="CA44" s="5"/>
      <c r="CB44" s="5"/>
      <c r="CC44" s="5"/>
      <c r="CD44" s="5"/>
      <c r="CE44" s="5"/>
    </row>
    <row r="45" spans="1:83" s="7" customFormat="1" ht="21.6" customHeight="1" x14ac:dyDescent="0.15">
      <c r="B45" s="8"/>
    </row>
    <row r="46" spans="1:83" s="7" customFormat="1" ht="16.5" customHeight="1" x14ac:dyDescent="0.15">
      <c r="B46" s="8"/>
    </row>
    <row r="47" spans="1:83" s="7" customFormat="1" ht="23.55" customHeight="1" x14ac:dyDescent="0.2">
      <c r="A47" s="53" t="s">
        <v>6</v>
      </c>
      <c r="B47" s="54"/>
      <c r="C47" s="54"/>
      <c r="D47" s="54"/>
    </row>
    <row r="48" spans="1:83" ht="18" customHeight="1" x14ac:dyDescent="0.2">
      <c r="A48" s="10" t="s">
        <v>2</v>
      </c>
      <c r="B48" s="11" t="s">
        <v>3</v>
      </c>
      <c r="C48" s="10" t="s">
        <v>2</v>
      </c>
      <c r="D48" s="12" t="s">
        <v>3</v>
      </c>
    </row>
    <row r="49" spans="1:4" ht="18" customHeight="1" x14ac:dyDescent="0.2">
      <c r="A49" s="36" t="s">
        <v>73</v>
      </c>
      <c r="B49" s="31">
        <v>2</v>
      </c>
      <c r="C49" s="21" t="s">
        <v>74</v>
      </c>
      <c r="D49" s="20">
        <v>7</v>
      </c>
    </row>
    <row r="50" spans="1:4" ht="18" customHeight="1" x14ac:dyDescent="0.2">
      <c r="A50" s="21" t="s">
        <v>75</v>
      </c>
      <c r="B50" s="17">
        <v>82</v>
      </c>
      <c r="C50" s="21" t="s">
        <v>76</v>
      </c>
      <c r="D50" s="20">
        <v>2</v>
      </c>
    </row>
    <row r="51" spans="1:4" ht="18" customHeight="1" x14ac:dyDescent="0.2">
      <c r="A51" s="21" t="s">
        <v>77</v>
      </c>
      <c r="B51" s="17">
        <v>1</v>
      </c>
      <c r="C51" s="21" t="s">
        <v>78</v>
      </c>
      <c r="D51" s="20">
        <v>1</v>
      </c>
    </row>
    <row r="52" spans="1:4" ht="18" customHeight="1" x14ac:dyDescent="0.2">
      <c r="A52" s="21" t="s">
        <v>79</v>
      </c>
      <c r="B52" s="17">
        <v>3</v>
      </c>
      <c r="C52" s="21" t="s">
        <v>80</v>
      </c>
      <c r="D52" s="20">
        <v>11</v>
      </c>
    </row>
    <row r="53" spans="1:4" ht="18" customHeight="1" x14ac:dyDescent="0.2">
      <c r="A53" s="32" t="s">
        <v>81</v>
      </c>
      <c r="B53" s="17">
        <v>3</v>
      </c>
      <c r="C53" s="21" t="s">
        <v>82</v>
      </c>
      <c r="D53" s="20">
        <v>2</v>
      </c>
    </row>
    <row r="54" spans="1:4" ht="18" customHeight="1" x14ac:dyDescent="0.2">
      <c r="A54" s="21" t="s">
        <v>83</v>
      </c>
      <c r="B54" s="31">
        <v>9</v>
      </c>
      <c r="C54" s="21" t="s">
        <v>84</v>
      </c>
      <c r="D54" s="20">
        <v>2</v>
      </c>
    </row>
    <row r="55" spans="1:4" ht="18" customHeight="1" x14ac:dyDescent="0.2">
      <c r="A55" s="21" t="s">
        <v>85</v>
      </c>
      <c r="B55" s="17">
        <v>2</v>
      </c>
      <c r="C55" s="21" t="s">
        <v>86</v>
      </c>
      <c r="D55" s="20">
        <v>1</v>
      </c>
    </row>
    <row r="56" spans="1:4" ht="18" customHeight="1" x14ac:dyDescent="0.2">
      <c r="A56" s="21" t="s">
        <v>87</v>
      </c>
      <c r="B56" s="17">
        <v>3</v>
      </c>
      <c r="C56" s="21" t="s">
        <v>88</v>
      </c>
      <c r="D56" s="20">
        <v>4</v>
      </c>
    </row>
    <row r="57" spans="1:4" ht="18" customHeight="1" x14ac:dyDescent="0.2">
      <c r="A57" s="37" t="s">
        <v>89</v>
      </c>
      <c r="B57" s="17">
        <v>4</v>
      </c>
      <c r="C57" s="21" t="s">
        <v>90</v>
      </c>
      <c r="D57" s="20">
        <v>1</v>
      </c>
    </row>
    <row r="58" spans="1:4" ht="18" customHeight="1" x14ac:dyDescent="0.2">
      <c r="A58" s="21" t="s">
        <v>91</v>
      </c>
      <c r="B58" s="17">
        <v>7</v>
      </c>
      <c r="C58" s="21" t="s">
        <v>92</v>
      </c>
      <c r="D58" s="20">
        <v>1</v>
      </c>
    </row>
    <row r="59" spans="1:4" ht="18" customHeight="1" x14ac:dyDescent="0.2">
      <c r="A59" s="21" t="s">
        <v>93</v>
      </c>
      <c r="B59" s="17">
        <v>8</v>
      </c>
      <c r="C59" s="21" t="s">
        <v>94</v>
      </c>
      <c r="D59" s="20">
        <v>2</v>
      </c>
    </row>
    <row r="60" spans="1:4" ht="18" customHeight="1" x14ac:dyDescent="0.2">
      <c r="A60" s="56" t="s">
        <v>95</v>
      </c>
      <c r="B60" s="38">
        <v>8</v>
      </c>
      <c r="C60" s="21" t="s">
        <v>96</v>
      </c>
      <c r="D60" s="20">
        <v>1</v>
      </c>
    </row>
    <row r="61" spans="1:4" ht="18" customHeight="1" x14ac:dyDescent="0.2">
      <c r="A61" s="57" t="s">
        <v>74</v>
      </c>
      <c r="B61" s="39"/>
      <c r="C61" s="32" t="s">
        <v>97</v>
      </c>
      <c r="D61" s="25">
        <v>112</v>
      </c>
    </row>
    <row r="62" spans="1:4" ht="16.5" customHeight="1" x14ac:dyDescent="0.2">
      <c r="C62" s="41" t="s">
        <v>4</v>
      </c>
      <c r="D62" s="42">
        <v>279</v>
      </c>
    </row>
    <row r="63" spans="1:4" ht="16.5" customHeight="1" x14ac:dyDescent="0.2"/>
    <row r="64" spans="1:4" ht="23.55" customHeight="1" x14ac:dyDescent="0.2">
      <c r="A64" s="58" t="s">
        <v>7</v>
      </c>
      <c r="B64" s="53"/>
      <c r="C64" s="53"/>
      <c r="D64" s="53"/>
    </row>
    <row r="65" spans="1:4" ht="18" customHeight="1" x14ac:dyDescent="0.2">
      <c r="A65" s="10" t="s">
        <v>2</v>
      </c>
      <c r="B65" s="11" t="s">
        <v>3</v>
      </c>
      <c r="C65" s="10" t="s">
        <v>2</v>
      </c>
      <c r="D65" s="12" t="s">
        <v>3</v>
      </c>
    </row>
    <row r="66" spans="1:4" ht="18" customHeight="1" x14ac:dyDescent="0.2">
      <c r="A66" s="36" t="s">
        <v>98</v>
      </c>
      <c r="B66" s="31">
        <v>281</v>
      </c>
      <c r="C66" s="32" t="s">
        <v>99</v>
      </c>
      <c r="D66" s="25">
        <v>1</v>
      </c>
    </row>
    <row r="67" spans="1:4" ht="18" customHeight="1" x14ac:dyDescent="0.2">
      <c r="A67" s="21" t="s">
        <v>100</v>
      </c>
      <c r="B67" s="17">
        <v>1</v>
      </c>
      <c r="C67" s="32" t="s">
        <v>101</v>
      </c>
      <c r="D67" s="20">
        <v>9</v>
      </c>
    </row>
    <row r="68" spans="1:4" ht="18" customHeight="1" x14ac:dyDescent="0.2">
      <c r="A68" s="21" t="s">
        <v>102</v>
      </c>
      <c r="B68" s="17">
        <v>1</v>
      </c>
      <c r="C68" s="21"/>
      <c r="D68" s="20"/>
    </row>
    <row r="69" spans="1:4" ht="18" customHeight="1" x14ac:dyDescent="0.2">
      <c r="A69" s="21" t="s">
        <v>103</v>
      </c>
      <c r="B69" s="17">
        <v>1</v>
      </c>
      <c r="C69" s="21"/>
      <c r="D69" s="20"/>
    </row>
    <row r="70" spans="1:4" ht="18" customHeight="1" x14ac:dyDescent="0.2">
      <c r="A70" s="44"/>
      <c r="B70" s="45"/>
      <c r="C70" s="41" t="s">
        <v>4</v>
      </c>
      <c r="D70" s="46">
        <v>294</v>
      </c>
    </row>
    <row r="71" spans="1:4" s="7" customFormat="1" ht="16.5" customHeight="1" x14ac:dyDescent="0.15">
      <c r="B71" s="8"/>
      <c r="C71" s="9"/>
      <c r="D71" s="43"/>
    </row>
    <row r="72" spans="1:4" s="7" customFormat="1" ht="16.5" customHeight="1" x14ac:dyDescent="0.15">
      <c r="B72" s="8"/>
      <c r="C72" s="9"/>
      <c r="D72" s="43"/>
    </row>
    <row r="73" spans="1:4" ht="16.5" customHeight="1" x14ac:dyDescent="0.2">
      <c r="A73" s="50"/>
      <c r="B73" s="51"/>
      <c r="C73" s="52"/>
      <c r="D73" s="52"/>
    </row>
    <row r="74" spans="1:4" ht="18" customHeight="1" x14ac:dyDescent="0.2">
      <c r="A74" s="47"/>
      <c r="B74" s="48"/>
      <c r="C74" s="49" t="s">
        <v>8</v>
      </c>
      <c r="D74" s="27">
        <v>3723</v>
      </c>
    </row>
  </sheetData>
  <mergeCells count="6">
    <mergeCell ref="A73:D73"/>
    <mergeCell ref="A3:D3"/>
    <mergeCell ref="A16:D16"/>
    <mergeCell ref="A47:D47"/>
    <mergeCell ref="A60:A61"/>
    <mergeCell ref="A64:D64"/>
  </mergeCells>
  <phoneticPr fontId="3"/>
  <pageMargins left="0.62992125984251968" right="0" top="0.55118110236220474" bottom="0.86614173228346458" header="0.62992125984251968" footer="0.62992125984251968"/>
  <pageSetup paperSize="9" orientation="portrait" useFirstPageNumber="1" r:id="rId1"/>
  <headerFooter alignWithMargins="0">
    <oddFooter>&amp;R&amp;"メイリオ,レギュラー"&amp;9令和8年1月1日現在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包括団体別宗教法人数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6-01-13T23:37:30Z</dcterms:created>
  <dcterms:modified xsi:type="dcterms:W3CDTF">2026-01-22T23:28:22Z</dcterms:modified>
</cp:coreProperties>
</file>